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3"/>
  </p:notesMasterIdLst>
  <p:handoutMasterIdLst>
    <p:handoutMasterId r:id="rId34"/>
  </p:handoutMasterIdLst>
  <p:sldIdLst>
    <p:sldId id="591" r:id="rId2"/>
    <p:sldId id="568" r:id="rId3"/>
    <p:sldId id="581" r:id="rId4"/>
    <p:sldId id="606" r:id="rId5"/>
    <p:sldId id="582" r:id="rId6"/>
    <p:sldId id="589" r:id="rId7"/>
    <p:sldId id="539" r:id="rId8"/>
    <p:sldId id="579" r:id="rId9"/>
    <p:sldId id="580" r:id="rId10"/>
    <p:sldId id="585" r:id="rId11"/>
    <p:sldId id="587" r:id="rId12"/>
    <p:sldId id="590" r:id="rId13"/>
    <p:sldId id="592" r:id="rId14"/>
    <p:sldId id="593" r:id="rId15"/>
    <p:sldId id="584" r:id="rId16"/>
    <p:sldId id="521" r:id="rId17"/>
    <p:sldId id="594" r:id="rId18"/>
    <p:sldId id="586" r:id="rId19"/>
    <p:sldId id="596" r:id="rId20"/>
    <p:sldId id="599" r:id="rId21"/>
    <p:sldId id="597" r:id="rId22"/>
    <p:sldId id="600" r:id="rId23"/>
    <p:sldId id="601" r:id="rId24"/>
    <p:sldId id="595" r:id="rId25"/>
    <p:sldId id="598" r:id="rId26"/>
    <p:sldId id="602" r:id="rId27"/>
    <p:sldId id="603" r:id="rId28"/>
    <p:sldId id="588" r:id="rId29"/>
    <p:sldId id="604" r:id="rId30"/>
    <p:sldId id="605" r:id="rId31"/>
    <p:sldId id="260" r:id="rId32"/>
  </p:sldIdLst>
  <p:sldSz cx="12188825" cy="6858000"/>
  <p:notesSz cx="7010400" cy="9296400"/>
  <p:embeddedFontLst>
    <p:embeddedFont>
      <p:font typeface="AU Passata Light" panose="020B0303030902030804" pitchFamily="34" charset="0"/>
      <p:regular r:id="rId35"/>
      <p:bold r:id="rId36"/>
    </p:embeddedFont>
    <p:embeddedFont>
      <p:font typeface="Georgia" panose="02040502050405020303" pitchFamily="18" charset="0"/>
      <p:regular r:id="rId37"/>
      <p:bold r:id="rId38"/>
      <p:italic r:id="rId39"/>
      <p:boldItalic r:id="rId40"/>
    </p:embeddedFont>
    <p:embeddedFont>
      <p:font typeface="Wingdings 3" panose="05040102010807070707" pitchFamily="18" charset="2"/>
      <p:regular r:id="rId41"/>
    </p:embeddedFont>
    <p:embeddedFont>
      <p:font typeface="AU Passata" panose="020B0503030502030804" pitchFamily="34" charset="0"/>
      <p:regular r:id="rId42"/>
      <p:bold r:id="rId43"/>
    </p:embeddedFont>
    <p:embeddedFont>
      <p:font typeface="AU Peto" panose="040C0B07020602020301" pitchFamily="82" charset="0"/>
      <p:regular r:id="rId44"/>
      <p:bold r:id="rId45"/>
    </p:embeddedFont>
    <p:embeddedFont>
      <p:font typeface="Calibri" panose="020F0502020204030204" pitchFamily="34" charset="0"/>
      <p:regular r:id="rId46"/>
      <p:bold r:id="rId47"/>
      <p:italic r:id="rId48"/>
      <p:boldItalic r:id="rId4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85" d="100"/>
          <a:sy n="85" d="100"/>
        </p:scale>
        <p:origin x="598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1032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5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handoutMaster" Target="handoutMasters/handoutMaster1.xml"/><Relationship Id="rId42" Type="http://schemas.openxmlformats.org/officeDocument/2006/relationships/font" Target="fonts/font8.fntdata"/><Relationship Id="rId47" Type="http://schemas.openxmlformats.org/officeDocument/2006/relationships/font" Target="fonts/font13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font" Target="fonts/font11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2.fntdata"/><Relationship Id="rId49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10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font" Target="fonts/font14.fntdata"/><Relationship Id="rId8" Type="http://schemas.openxmlformats.org/officeDocument/2006/relationships/slide" Target="slides/slide7.xml"/><Relationship Id="rId51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34007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37409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MALST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 STTMALST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8/11/2022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6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34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5" Type="http://schemas.openxmlformats.org/officeDocument/2006/relationships/image" Target="../media/image32.png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39.png"/><Relationship Id="rId4" Type="http://schemas.openxmlformats.org/officeDocument/2006/relationships/image" Target="../media/image3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1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5" Type="http://schemas.openxmlformats.org/officeDocument/2006/relationships/image" Target="../media/image48.png"/><Relationship Id="rId4" Type="http://schemas.openxmlformats.org/officeDocument/2006/relationships/image" Target="../media/image50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36.png"/><Relationship Id="rId4" Type="http://schemas.openxmlformats.org/officeDocument/2006/relationships/image" Target="../media/image5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56.emf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9.emf"/><Relationship Id="rId4" Type="http://schemas.openxmlformats.org/officeDocument/2006/relationships/image" Target="../media/image18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1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8856086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47526" y="1134913"/>
            <a:ext cx="4892774" cy="4892774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8758708" y="6597352"/>
            <a:ext cx="333444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</a:t>
            </a:r>
            <a:r>
              <a:rPr lang="da-DK" sz="800" dirty="0" smtClean="0"/>
              <a:t>arxiv.org/ftp/arxiv/papers/1812/1812.07715.pdf</a:t>
            </a:r>
            <a:endParaRPr lang="da-DK" sz="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12021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8758708" y="6597352"/>
            <a:ext cx="333444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</a:t>
            </a:r>
            <a:r>
              <a:rPr lang="da-DK" sz="800" dirty="0" smtClean="0"/>
              <a:t>arxiv.org/ftp/arxiv/papers/1812/1812.07715.pdf</a:t>
            </a:r>
            <a:endParaRPr lang="da-DK" sz="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8071" t="7022" r="8974"/>
          <a:stretch/>
        </p:blipFill>
        <p:spPr>
          <a:xfrm>
            <a:off x="283967" y="1916832"/>
            <a:ext cx="6848261" cy="3440225"/>
          </a:xfrm>
          <a:prstGeom prst="rect">
            <a:avLst/>
          </a:prstGeom>
        </p:spPr>
      </p:pic>
      <p:pic>
        <p:nvPicPr>
          <p:cNvPr id="5122" name="Picture 2" descr="latent_space_ae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0781" y="2177663"/>
            <a:ext cx="3273601" cy="26404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7318548" y="4686758"/>
            <a:ext cx="487027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latin typeface="+mj-lt"/>
              </a:rPr>
              <a:t>A typical latent space of an </a:t>
            </a:r>
            <a:r>
              <a:rPr lang="en-US" sz="1600" dirty="0" err="1">
                <a:latin typeface="+mj-lt"/>
              </a:rPr>
              <a:t>autoencoder</a:t>
            </a:r>
            <a:r>
              <a:rPr lang="en-US" sz="1600" dirty="0">
                <a:latin typeface="+mj-lt"/>
              </a:rPr>
              <a:t> on MNIST.</a:t>
            </a:r>
            <a:endParaRPr lang="da-DK" sz="1600" dirty="0">
              <a:latin typeface="+mj-lt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 LATENT SPACE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58654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8758708" y="6597352"/>
            <a:ext cx="333444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</a:t>
            </a:r>
            <a:r>
              <a:rPr lang="da-DK" sz="800" dirty="0" smtClean="0"/>
              <a:t>arxiv.org/ftp/arxiv/papers/1812/1812.07715.pdf</a:t>
            </a:r>
            <a:endParaRPr lang="da-DK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S</a:t>
            </a:r>
            <a:endParaRPr lang="da-DK" sz="2800" b="1" dirty="0">
              <a:latin typeface="+mn-lt"/>
            </a:endParaRPr>
          </a:p>
        </p:txBody>
      </p:sp>
      <p:pic>
        <p:nvPicPr>
          <p:cNvPr id="8" name="Picture 2" descr="ae flowch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2470" y="2348880"/>
            <a:ext cx="9702885" cy="26176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5104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8758708" y="6597352"/>
            <a:ext cx="3334444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</a:t>
            </a:r>
            <a:r>
              <a:rPr lang="da-DK" sz="800" dirty="0" smtClean="0"/>
              <a:t>arxiv.org/ftp/arxiv/papers/1812/1812.07715.pdf</a:t>
            </a:r>
            <a:endParaRPr lang="da-DK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 DENOISING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6" descr="Autoencoder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932" y="2276872"/>
            <a:ext cx="8303055" cy="32278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684668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pic>
        <p:nvPicPr>
          <p:cNvPr id="3074" name="Picture 2" descr="a5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5349" y="1988840"/>
            <a:ext cx="10037127" cy="36724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S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10497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2" name="Rectangle 1"/>
          <p:cNvSpPr/>
          <p:nvPr/>
        </p:nvSpPr>
        <p:spPr>
          <a:xfrm>
            <a:off x="7174532" y="6597352"/>
            <a:ext cx="6092825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www.alanzucconi.com/2018/03/14/understanding-the-technology-behind-deepfakes/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55568" y="1383977"/>
            <a:ext cx="8820150" cy="481012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S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39565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S</a:t>
            </a:r>
            <a:endParaRPr lang="da-DK" sz="2800" b="1" dirty="0">
              <a:latin typeface="+mn-lt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8110636" y="6642556"/>
            <a:ext cx="6092825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solidFill>
                  <a:srgbClr val="000000"/>
                </a:solidFill>
              </a:rPr>
              <a:t>https://lilianweng.github.io/lil-log/2018/08/12/from-autoencoder-to-beta-vae.html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62530" y="1548710"/>
            <a:ext cx="9262765" cy="480272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0574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endParaRPr lang="da-DK" sz="2800" b="1" dirty="0">
              <a:latin typeface="+mn-lt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8110636" y="6642556"/>
            <a:ext cx="6092825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solidFill>
                  <a:srgbClr val="000000"/>
                </a:solidFill>
              </a:rPr>
              <a:t>https://lilianweng.github.io/lil-log/2018/08/12/from-autoencoder-to-beta-vae.html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57908" y="1765042"/>
            <a:ext cx="9393279" cy="447227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51565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5518348" y="6642556"/>
            <a:ext cx="662473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www.researchgate.net/publication/331435145_Deep_learning_in_bioinformatics_introduction_application_and_perspective_in_big_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780" y="1391449"/>
            <a:ext cx="6938159" cy="484038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79807" y="2348880"/>
            <a:ext cx="5651320" cy="122413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212779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737775"/>
            <a:ext cx="4136504" cy="150194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67318" y="3356992"/>
            <a:ext cx="4734393" cy="2672134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5"/>
          <a:srcRect b="7927"/>
          <a:stretch/>
        </p:blipFill>
        <p:spPr>
          <a:xfrm>
            <a:off x="5947824" y="3273632"/>
            <a:ext cx="5930809" cy="2599878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 bwMode="auto">
          <a:xfrm>
            <a:off x="6814492" y="3750365"/>
            <a:ext cx="1440160" cy="2067511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455306" y="5882828"/>
            <a:ext cx="23762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solidFill>
                  <a:srgbClr val="FF0000"/>
                </a:solidFill>
                <a:latin typeface="+mn-lt"/>
              </a:rPr>
              <a:t>Force normal distribution</a:t>
            </a:r>
            <a:endParaRPr lang="da-DK" sz="1600" b="1" dirty="0">
              <a:solidFill>
                <a:srgbClr val="FF0000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15651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405780" y="2996424"/>
            <a:ext cx="5112568" cy="1994392"/>
          </a:xfrm>
        </p:spPr>
        <p:txBody>
          <a:bodyPr/>
          <a:lstStyle/>
          <a:p>
            <a:pPr algn="ctr"/>
            <a:r>
              <a:rPr lang="en-US" altLang="en-US" sz="4800" dirty="0" smtClean="0">
                <a:latin typeface="+mj-lt"/>
              </a:rPr>
              <a:t>UNSUPERVISED</a:t>
            </a:r>
            <a:br>
              <a:rPr lang="en-US" altLang="en-US" sz="4800" dirty="0" smtClean="0">
                <a:latin typeface="+mj-lt"/>
              </a:rPr>
            </a:br>
            <a:r>
              <a:rPr lang="en-US" altLang="en-US" sz="4800" dirty="0" smtClean="0">
                <a:latin typeface="+mj-lt"/>
              </a:rPr>
              <a:t>GENERATIVE</a:t>
            </a:r>
            <a:br>
              <a:rPr lang="en-US" altLang="en-US" sz="4800" dirty="0" smtClean="0">
                <a:latin typeface="+mj-lt"/>
              </a:rPr>
            </a:br>
            <a:r>
              <a:rPr lang="en-US" altLang="en-US" sz="4800" dirty="0" smtClean="0">
                <a:latin typeface="+mj-lt"/>
              </a:rPr>
              <a:t>AUTOENCODERS</a:t>
            </a:r>
            <a:endParaRPr lang="en-US" altLang="en-US" sz="4800" dirty="0"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06380" y="2636912"/>
            <a:ext cx="5866503" cy="2592288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5625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476" y="1989580"/>
            <a:ext cx="5160039" cy="302433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7787" y="1737775"/>
            <a:ext cx="6117593" cy="262732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29916" y="4437112"/>
            <a:ext cx="4672955" cy="19930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13356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r>
              <a:rPr lang="en-US" sz="2800" b="1" dirty="0"/>
              <a:t>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4561" y="2204864"/>
            <a:ext cx="3478353" cy="2736304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b="9812"/>
          <a:stretch/>
        </p:blipFill>
        <p:spPr>
          <a:xfrm>
            <a:off x="693812" y="1844825"/>
            <a:ext cx="6496050" cy="2448272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73932" y="4653136"/>
            <a:ext cx="4795242" cy="18242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288067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r>
              <a:rPr lang="en-US" sz="2800" b="1" dirty="0"/>
              <a:t>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47004" y="1748052"/>
            <a:ext cx="3919990" cy="235518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/>
          <a:srcRect t="90188" b="1855"/>
          <a:stretch/>
        </p:blipFill>
        <p:spPr>
          <a:xfrm>
            <a:off x="621804" y="1716548"/>
            <a:ext cx="6496050" cy="216023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0274" y="1976228"/>
            <a:ext cx="5886451" cy="333375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68910" y="4287368"/>
            <a:ext cx="4698084" cy="1800200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3934172" y="3447882"/>
            <a:ext cx="23762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solidFill>
                  <a:srgbClr val="FF0000"/>
                </a:solidFill>
                <a:latin typeface="+mn-lt"/>
              </a:rPr>
              <a:t>Force normal distribution</a:t>
            </a:r>
            <a:endParaRPr lang="da-DK" sz="1600" b="1" dirty="0">
              <a:solidFill>
                <a:srgbClr val="FF0000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68945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r>
              <a:rPr lang="en-US" sz="2800" b="1" dirty="0"/>
              <a:t>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700808"/>
            <a:ext cx="8048625" cy="69532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0508" y="2636912"/>
            <a:ext cx="5676900" cy="20193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37" t="9484" r="13104" b="5552"/>
          <a:stretch/>
        </p:blipFill>
        <p:spPr>
          <a:xfrm>
            <a:off x="6886500" y="2533018"/>
            <a:ext cx="4143735" cy="364648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661423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41451" y="150131"/>
            <a:ext cx="4807471" cy="1291559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</a:t>
            </a:r>
            <a:r>
              <a:rPr lang="en-US" sz="2800" b="1" dirty="0"/>
              <a:t> 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5084" y="1528616"/>
            <a:ext cx="4797152" cy="479715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37" t="9484" r="13104" b="5552"/>
          <a:stretch/>
        </p:blipFill>
        <p:spPr>
          <a:xfrm>
            <a:off x="837828" y="1988840"/>
            <a:ext cx="4719799" cy="4153422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 bwMode="auto">
          <a:xfrm>
            <a:off x="1239494" y="2132856"/>
            <a:ext cx="2478654" cy="252028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/>
          <p:cNvSpPr/>
          <p:nvPr/>
        </p:nvSpPr>
        <p:spPr bwMode="auto">
          <a:xfrm>
            <a:off x="6856118" y="2101510"/>
            <a:ext cx="3630782" cy="3631746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34754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utoencoders-in-keras.html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VARIATIONAL AUTOENCODERS </a:t>
            </a:r>
            <a:r>
              <a:rPr lang="en-US" sz="2800" b="1" dirty="0"/>
              <a:t>WITH KERAS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32" t="10414" r="14670" b="6282"/>
          <a:stretch/>
        </p:blipFill>
        <p:spPr>
          <a:xfrm>
            <a:off x="983703" y="2145601"/>
            <a:ext cx="4464496" cy="396844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94" t="11413" r="9265" b="7076"/>
          <a:stretch/>
        </p:blipFill>
        <p:spPr>
          <a:xfrm>
            <a:off x="6166420" y="2202126"/>
            <a:ext cx="3960440" cy="388278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26660" y="107033"/>
            <a:ext cx="3712012" cy="2095093"/>
          </a:xfrm>
          <a:prstGeom prst="rect">
            <a:avLst/>
          </a:prstGeom>
        </p:spPr>
      </p:pic>
      <p:cxnSp>
        <p:nvCxnSpPr>
          <p:cNvPr id="12" name="Straight Arrow Connector 11"/>
          <p:cNvCxnSpPr/>
          <p:nvPr/>
        </p:nvCxnSpPr>
        <p:spPr bwMode="auto">
          <a:xfrm flipH="1">
            <a:off x="10774933" y="1870048"/>
            <a:ext cx="576063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0860051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arxiv.org/pdf/1804.04488.pdf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 ANOMALI DETECTION</a:t>
            </a:r>
            <a:endParaRPr lang="da-DK" sz="2800" b="1" dirty="0">
              <a:latin typeface="+mn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57908" y="1916832"/>
            <a:ext cx="9272537" cy="38148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46932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9334772" y="6642556"/>
            <a:ext cx="280831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arxiv.org/pdf/1804.04488.pdf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 ANOMALI DETECTION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33972" y="1688105"/>
            <a:ext cx="7766936" cy="44644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00020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2" name="Rectangle 1"/>
          <p:cNvSpPr/>
          <p:nvPr/>
        </p:nvSpPr>
        <p:spPr>
          <a:xfrm>
            <a:off x="4035060" y="6642556"/>
            <a:ext cx="8153765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.techxplore.com/news/2019-10-neural-network-reconstructs-human-thoughts.html?fbclid=IwAR3isTrSw3PkLAce1N40l4Ui0caVC_iIp_um5sL-B-2MkofHKpGrA3xPGak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3703" y="1666538"/>
            <a:ext cx="4205576" cy="450567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99235" y="3140968"/>
            <a:ext cx="6408712" cy="2848232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UTOENCODERS CRITICAL CASE STUDY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9906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DOES THE BRAIN DO IT?</a:t>
            </a:r>
            <a:endParaRPr lang="da-DK" sz="2800" b="1" dirty="0">
              <a:latin typeface="+mn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559" r="13350" b="13061"/>
          <a:stretch/>
        </p:blipFill>
        <p:spPr>
          <a:xfrm>
            <a:off x="5158308" y="908720"/>
            <a:ext cx="4248472" cy="49685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410187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UNSUPERVISED LEARNING</a:t>
            </a: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527" y="1196752"/>
            <a:ext cx="10220325" cy="4521366"/>
          </a:xfrm>
        </p:spPr>
        <p:txBody>
          <a:bodyPr/>
          <a:lstStyle/>
          <a:p>
            <a:r>
              <a:rPr lang="en-US" sz="2400" b="1" dirty="0" smtClean="0"/>
              <a:t>DOES THE BRAIN DO IT, AND IF SO HOW?</a:t>
            </a:r>
            <a:endParaRPr lang="en-US" sz="2400" b="1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86101" y="1689558"/>
            <a:ext cx="5112568" cy="51200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46635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DOES THE BRAIN DO IT?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0316" y="980728"/>
            <a:ext cx="4659692" cy="58207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7032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UNSUPERVISED LEARNING</a:t>
            </a: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527" y="1196752"/>
            <a:ext cx="10220325" cy="4521366"/>
          </a:xfrm>
        </p:spPr>
        <p:txBody>
          <a:bodyPr/>
          <a:lstStyle/>
          <a:p>
            <a:r>
              <a:rPr lang="en-US" sz="2400" b="1" dirty="0" smtClean="0"/>
              <a:t>DOES THE BRAIN DO IT, AND IF SO HOW?</a:t>
            </a:r>
            <a:endParaRPr lang="en-US" sz="2400" b="1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ED27DED-0C62-41D2-B836-92324930C6C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4539"/>
          <a:stretch/>
        </p:blipFill>
        <p:spPr>
          <a:xfrm>
            <a:off x="2311317" y="1916832"/>
            <a:ext cx="8175583" cy="432048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057D07B-2262-446C-AC1D-FEAFB21F59D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-1" b="84806"/>
          <a:stretch/>
        </p:blipFill>
        <p:spPr>
          <a:xfrm>
            <a:off x="3300358" y="1380755"/>
            <a:ext cx="8004626" cy="752101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7966620" y="6051147"/>
            <a:ext cx="2986200" cy="2046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400" dirty="0" smtClean="0">
                <a:latin typeface="+mn-lt"/>
              </a:rPr>
              <a:t>Obs. Bad computational metaphor </a:t>
            </a:r>
            <a:endParaRPr lang="da-DK" sz="14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34934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FE32A13-E6D5-4F5F-9151-F78E04EE0BF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712" t="13222" b="16660"/>
          <a:stretch/>
        </p:blipFill>
        <p:spPr>
          <a:xfrm>
            <a:off x="2566020" y="1942985"/>
            <a:ext cx="8024078" cy="439397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7094FB5-8BB4-49F9-907A-22EEECBCC77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-1" b="84806"/>
          <a:stretch/>
        </p:blipFill>
        <p:spPr>
          <a:xfrm>
            <a:off x="3023154" y="1350910"/>
            <a:ext cx="8004626" cy="752101"/>
          </a:xfrm>
          <a:prstGeom prst="rect">
            <a:avLst/>
          </a:prstGeom>
        </p:spPr>
      </p:pic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527" y="1196752"/>
            <a:ext cx="10220325" cy="4521366"/>
          </a:xfrm>
        </p:spPr>
        <p:txBody>
          <a:bodyPr/>
          <a:lstStyle/>
          <a:p>
            <a:r>
              <a:rPr lang="en-US" sz="2400" b="1" dirty="0" smtClean="0"/>
              <a:t>DOES THE BRAIN DO IT, AND IF SO HOW?</a:t>
            </a:r>
            <a:endParaRPr lang="en-US" sz="2400" b="1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67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pic>
        <p:nvPicPr>
          <p:cNvPr id="1026" name="Picture 2" descr="Image result for annealing gradient descent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50196" y="1805219"/>
            <a:ext cx="4536504" cy="25958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527" y="1196752"/>
            <a:ext cx="10220325" cy="4521366"/>
          </a:xfrm>
        </p:spPr>
        <p:txBody>
          <a:bodyPr/>
          <a:lstStyle/>
          <a:p>
            <a:r>
              <a:rPr lang="en-US" sz="2400" b="1" dirty="0" smtClean="0"/>
              <a:t>DOES THE BRAIN DO IT, AND IF SO HOW?</a:t>
            </a:r>
            <a:endParaRPr lang="en-US" sz="2400" b="1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FE32A13-E6D5-4F5F-9151-F78E04EE0BF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8712" t="54172" b="16660"/>
          <a:stretch/>
        </p:blipFill>
        <p:spPr>
          <a:xfrm>
            <a:off x="2566020" y="4509120"/>
            <a:ext cx="8024078" cy="1827840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8182644" y="6519259"/>
            <a:ext cx="3689269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400" b="1" dirty="0" smtClean="0"/>
              <a:t>OBS. Simulated annealing is intractable</a:t>
            </a:r>
            <a:endParaRPr lang="en-US" sz="1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0924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189757" y="2204864"/>
            <a:ext cx="6336704" cy="4018260"/>
          </a:xfrm>
          <a:prstGeom prst="rect">
            <a:avLst/>
          </a:prstGeom>
          <a:solidFill>
            <a:srgbClr val="00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A8C2EAA-E551-4945-BCFA-E66746846EC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230239" y="1625726"/>
            <a:ext cx="6440237" cy="452120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THE HELMHOLTZ MACHINE – WAKE/SLEEP LEARNING </a:t>
            </a:r>
            <a:endParaRPr lang="da-DK" sz="2800" b="1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B6467B6-68B8-44D4-88B2-22856A1DFB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05340" y="2160847"/>
            <a:ext cx="4909287" cy="367240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B2C274F-1236-4CA0-B754-08513879CCD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5784767"/>
            <a:ext cx="1572183" cy="4476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662076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pic>
        <p:nvPicPr>
          <p:cNvPr id="9" name="Content Placeholder 1">
            <a:extLst>
              <a:ext uri="{FF2B5EF4-FFF2-40B4-BE49-F238E27FC236}">
                <a16:creationId xmlns:a16="http://schemas.microsoft.com/office/drawing/2014/main" id="{012A7B77-EAB0-42C2-9AF4-20B1BADFA07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rcRect t="12741"/>
          <a:stretch/>
        </p:blipFill>
        <p:spPr>
          <a:xfrm>
            <a:off x="339869" y="1988840"/>
            <a:ext cx="6185597" cy="394513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474D85F-0236-43F4-B8DD-967F753BAE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2484" y="1916832"/>
            <a:ext cx="4987606" cy="375420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983703" y="1154580"/>
            <a:ext cx="10283291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THE HELMHOLTZ MACHINE – WAKE/SLEEP LEARNING 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339077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SUPERVISED LEARNING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OTHER THEORIES</a:t>
            </a:r>
            <a:endParaRPr lang="da-DK" sz="2800" b="1" dirty="0">
              <a:latin typeface="+mn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737775"/>
            <a:ext cx="6192688" cy="426353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66620" y="1052736"/>
            <a:ext cx="3114234" cy="52469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26006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3</Words>
  <Application>Microsoft Office PowerPoint</Application>
  <PresentationFormat>Custom</PresentationFormat>
  <Paragraphs>88</Paragraphs>
  <Slides>31</Slides>
  <Notes>3</Notes>
  <HiddenSlides>1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9" baseType="lpstr">
      <vt:lpstr>AU Passata Light</vt:lpstr>
      <vt:lpstr>Georgia</vt:lpstr>
      <vt:lpstr>Wingdings 3</vt:lpstr>
      <vt:lpstr>AU Passata</vt:lpstr>
      <vt:lpstr>AU Peto</vt:lpstr>
      <vt:lpstr>Arial</vt:lpstr>
      <vt:lpstr>Calibri</vt:lpstr>
      <vt:lpstr>AU 16:9</vt:lpstr>
      <vt:lpstr>PowerPoint Presentation</vt:lpstr>
      <vt:lpstr>UNSUPERVISED GENERATIVE AUTOENCODERS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UNSUPERVISED LEARN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1-28T12:40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